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702\04_積算システムグループ\22_ICT ASP 遠隔臨場\01_ASP,遠隔臨場\01_ASP\01_要領、通知\R7.7_委託業務追加（改定）\02_起案\ＯＧ\"/>
    </mc:Choice>
  </mc:AlternateContent>
  <bookViews>
    <workbookView xWindow="0" yWindow="0" windowWidth="15360" windowHeight="7890"/>
  </bookViews>
  <sheets>
    <sheet name="特記仕様書" sheetId="1" r:id="rId1"/>
  </sheets>
  <definedNames>
    <definedName name="_xlnm.Print_Area" localSheetId="0">特記仕様書!$A$1:$E$5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" uniqueCount="15">
  <si>
    <t>情報共有システムの活用</t>
    <rPh sb="0" eb="2">
      <t>ジョウホウ</t>
    </rPh>
    <rPh sb="2" eb="4">
      <t>キョウユウ</t>
    </rPh>
    <rPh sb="9" eb="11">
      <t>カツヨウ</t>
    </rPh>
    <phoneticPr fontId="2"/>
  </si>
  <si>
    <t>令和　　年　　月　　日</t>
    <rPh sb="0" eb="2">
      <t>レイワ</t>
    </rPh>
    <rPh sb="4" eb="5">
      <t>ネン</t>
    </rPh>
    <rPh sb="7" eb="8">
      <t>ガツ</t>
    </rPh>
    <rPh sb="10" eb="11">
      <t>ニチ</t>
    </rPh>
    <phoneticPr fontId="2"/>
  </si>
  <si>
    <t>路線（河川）名：　　　　　　　　　　　　　　　　　　　　　　　　　　　　　　　　　</t>
    <rPh sb="0" eb="2">
      <t>ロセン</t>
    </rPh>
    <rPh sb="3" eb="5">
      <t>カセン</t>
    </rPh>
    <rPh sb="6" eb="7">
      <t>メイ</t>
    </rPh>
    <phoneticPr fontId="2"/>
  </si>
  <si>
    <t>受 注 者 名： 　　　　　　　　　　　　　　　　　　　　　　　　　　　　　　　　　　</t>
    <rPh sb="0" eb="1">
      <t>ウケ</t>
    </rPh>
    <rPh sb="2" eb="3">
      <t>チュウ</t>
    </rPh>
    <rPh sb="4" eb="5">
      <t>モノ</t>
    </rPh>
    <rPh sb="6" eb="7">
      <t>メイ</t>
    </rPh>
    <phoneticPr fontId="2"/>
  </si>
  <si>
    <t>請 負 金 額：　　　　　　　　　　　　　　　　　　　　　　　　　　　　　　　　　　　</t>
    <rPh sb="0" eb="1">
      <t>ショウ</t>
    </rPh>
    <rPh sb="2" eb="3">
      <t>フ</t>
    </rPh>
    <rPh sb="4" eb="5">
      <t>カネ</t>
    </rPh>
    <rPh sb="6" eb="7">
      <t>ガク</t>
    </rPh>
    <phoneticPr fontId="2"/>
  </si>
  <si>
    <t>実施します</t>
    <rPh sb="0" eb="2">
      <t>ジッシ</t>
    </rPh>
    <phoneticPr fontId="2"/>
  </si>
  <si>
    <t>※利用するASPサービス名を記載してください</t>
    <rPh sb="1" eb="3">
      <t>リヨウ</t>
    </rPh>
    <rPh sb="12" eb="13">
      <t>メイ</t>
    </rPh>
    <rPh sb="14" eb="16">
      <t>キサイ</t>
    </rPh>
    <phoneticPr fontId="2"/>
  </si>
  <si>
    <t>辞退します</t>
    <rPh sb="0" eb="2">
      <t>ジタイ</t>
    </rPh>
    <phoneticPr fontId="2"/>
  </si>
  <si>
    <t>※辞退する理由をなるべく具体的に記載してください</t>
    <rPh sb="1" eb="3">
      <t>ジタイ</t>
    </rPh>
    <rPh sb="5" eb="7">
      <t>リユウ</t>
    </rPh>
    <rPh sb="12" eb="15">
      <t>グタイテキ</t>
    </rPh>
    <rPh sb="16" eb="18">
      <t>キサイ</t>
    </rPh>
    <phoneticPr fontId="2"/>
  </si>
  <si>
    <t>どちらかに〇を</t>
    <phoneticPr fontId="2"/>
  </si>
  <si>
    <t>記載してください</t>
    <rPh sb="0" eb="2">
      <t>キサイ</t>
    </rPh>
    <phoneticPr fontId="2"/>
  </si>
  <si>
    <t>試行業務対応届出書</t>
    <rPh sb="0" eb="2">
      <t>シコウ</t>
    </rPh>
    <rPh sb="2" eb="4">
      <t>ギョウム</t>
    </rPh>
    <rPh sb="4" eb="6">
      <t>タイオウ</t>
    </rPh>
    <rPh sb="6" eb="9">
      <t>トドケデショ</t>
    </rPh>
    <phoneticPr fontId="2"/>
  </si>
  <si>
    <t>業　務　名：　　　　　　　　　　　　　　　　　　　　　　　　　　　　　　　　　　　</t>
    <rPh sb="0" eb="1">
      <t>ギョウ</t>
    </rPh>
    <rPh sb="2" eb="3">
      <t>ツトム</t>
    </rPh>
    <rPh sb="4" eb="5">
      <t>メイ</t>
    </rPh>
    <phoneticPr fontId="2"/>
  </si>
  <si>
    <t>上記業務について、情報共有システム活用の試行を</t>
    <rPh sb="0" eb="2">
      <t>ジョウキ</t>
    </rPh>
    <rPh sb="2" eb="4">
      <t>ギョウム</t>
    </rPh>
    <rPh sb="9" eb="11">
      <t>ジョウホウ</t>
    </rPh>
    <rPh sb="11" eb="13">
      <t>キョウユウ</t>
    </rPh>
    <rPh sb="17" eb="19">
      <t>カツヨウ</t>
    </rPh>
    <rPh sb="20" eb="22">
      <t>シコウ</t>
    </rPh>
    <phoneticPr fontId="2"/>
  </si>
  <si>
    <t>業 務 場 所：　 　　　　　　　　　　　　　　　　　　　　　　　　　　　　　　　　　</t>
    <rPh sb="0" eb="1">
      <t>ギョウ</t>
    </rPh>
    <rPh sb="2" eb="3">
      <t>ツトム</t>
    </rPh>
    <rPh sb="4" eb="5">
      <t>バ</t>
    </rPh>
    <rPh sb="6" eb="7">
      <t>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</font>
    <font>
      <u/>
      <sz val="11"/>
      <name val="ＭＳ ゴシック"/>
      <family val="3"/>
      <charset val="128"/>
    </font>
    <font>
      <b/>
      <sz val="16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8">
    <xf numFmtId="0" fontId="0" fillId="0" borderId="0" xfId="0"/>
    <xf numFmtId="0" fontId="1" fillId="0" borderId="0" xfId="0" applyFont="1"/>
    <xf numFmtId="0" fontId="1" fillId="0" borderId="0" xfId="0" applyFont="1" applyBorder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Alignment="1">
      <alignment vertical="center"/>
    </xf>
    <xf numFmtId="0" fontId="1" fillId="0" borderId="0" xfId="0" applyFont="1" applyAlignment="1"/>
    <xf numFmtId="0" fontId="3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3" fillId="0" borderId="0" xfId="0" applyFont="1" applyAlignment="1">
      <alignment vertical="top"/>
    </xf>
    <xf numFmtId="0" fontId="1" fillId="0" borderId="1" xfId="0" applyFont="1" applyBorder="1" applyAlignment="1">
      <alignment horizontal="center" vertical="center"/>
    </xf>
    <xf numFmtId="0" fontId="1" fillId="0" borderId="1" xfId="0" applyFont="1" applyBorder="1" applyAlignment="1">
      <alignment horizontal="left" vertical="top"/>
    </xf>
    <xf numFmtId="0" fontId="1" fillId="0" borderId="0" xfId="0" applyFont="1" applyBorder="1" applyAlignment="1">
      <alignment horizontal="left" vertical="top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vertical="top"/>
    </xf>
    <xf numFmtId="0" fontId="1" fillId="0" borderId="4" xfId="0" applyFont="1" applyBorder="1"/>
    <xf numFmtId="0" fontId="1" fillId="0" borderId="0" xfId="0" applyFont="1" applyBorder="1"/>
    <xf numFmtId="0" fontId="1" fillId="0" borderId="5" xfId="0" applyFont="1" applyBorder="1"/>
    <xf numFmtId="0" fontId="4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</xdr:col>
      <xdr:colOff>4280473</xdr:colOff>
      <xdr:row>0</xdr:row>
      <xdr:rowOff>126508</xdr:rowOff>
    </xdr:from>
    <xdr:ext cx="594650" cy="292452"/>
    <xdr:sp macro="" textlink="">
      <xdr:nvSpPr>
        <xdr:cNvPr id="2" name="テキスト ボックス 1"/>
        <xdr:cNvSpPr txBox="1"/>
      </xdr:nvSpPr>
      <xdr:spPr>
        <a:xfrm>
          <a:off x="6324685" y="10501431"/>
          <a:ext cx="594650" cy="292452"/>
        </a:xfrm>
        <a:prstGeom prst="rect">
          <a:avLst/>
        </a:prstGeom>
        <a:solidFill>
          <a:schemeClr val="lt1"/>
        </a:solidFill>
        <a:ln w="12700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none" rtlCol="0" anchor="ctr" anchorCtr="0">
          <a:spAutoFit/>
        </a:bodyPr>
        <a:lstStyle/>
        <a:p>
          <a:r>
            <a:rPr kumimoji="1" lang="ja-JP" altLang="en-US" sz="1200"/>
            <a:t>別　紙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52"/>
  <sheetViews>
    <sheetView showGridLines="0" tabSelected="1" view="pageBreakPreview" zoomScale="130" zoomScaleNormal="100" zoomScaleSheetLayoutView="130" workbookViewId="0">
      <selection activeCell="M11" sqref="M11"/>
    </sheetView>
  </sheetViews>
  <sheetFormatPr defaultColWidth="8.875" defaultRowHeight="13.5" x14ac:dyDescent="0.15"/>
  <cols>
    <col min="1" max="1" width="3.875" style="5" customWidth="1"/>
    <col min="2" max="2" width="3.875" style="4" customWidth="1"/>
    <col min="3" max="3" width="19.125" style="3" customWidth="1"/>
    <col min="4" max="4" width="62.375" style="1" customWidth="1"/>
    <col min="5" max="5" width="4.5" style="1" customWidth="1"/>
    <col min="6" max="16384" width="8.875" style="1"/>
  </cols>
  <sheetData>
    <row r="1" spans="1:5" x14ac:dyDescent="0.15">
      <c r="A1" s="3" t="s">
        <v>0</v>
      </c>
    </row>
    <row r="5" spans="1:5" x14ac:dyDescent="0.15">
      <c r="B5" s="6" t="s">
        <v>1</v>
      </c>
    </row>
    <row r="6" spans="1:5" x14ac:dyDescent="0.15">
      <c r="C6" s="1"/>
    </row>
    <row r="7" spans="1:5" ht="26.25" customHeight="1" x14ac:dyDescent="0.15">
      <c r="A7" s="17" t="s">
        <v>11</v>
      </c>
      <c r="B7" s="17"/>
      <c r="C7" s="17"/>
      <c r="D7" s="17"/>
      <c r="E7" s="7"/>
    </row>
    <row r="12" spans="1:5" x14ac:dyDescent="0.15">
      <c r="C12" s="8" t="s">
        <v>12</v>
      </c>
    </row>
    <row r="14" spans="1:5" x14ac:dyDescent="0.15">
      <c r="C14" s="8" t="s">
        <v>2</v>
      </c>
    </row>
    <row r="16" spans="1:5" x14ac:dyDescent="0.15">
      <c r="C16" s="8" t="s">
        <v>14</v>
      </c>
    </row>
    <row r="18" spans="3:5" x14ac:dyDescent="0.15">
      <c r="C18" s="8" t="s">
        <v>3</v>
      </c>
    </row>
    <row r="20" spans="3:5" x14ac:dyDescent="0.15">
      <c r="C20" s="8" t="s">
        <v>4</v>
      </c>
    </row>
    <row r="24" spans="3:5" x14ac:dyDescent="0.15">
      <c r="C24" s="3" t="s">
        <v>13</v>
      </c>
    </row>
    <row r="26" spans="3:5" ht="43.5" customHeight="1" x14ac:dyDescent="0.15">
      <c r="C26" s="9" t="s">
        <v>5</v>
      </c>
      <c r="D26" s="10" t="s">
        <v>6</v>
      </c>
      <c r="E26" s="11"/>
    </row>
    <row r="29" spans="3:5" ht="42.75" customHeight="1" x14ac:dyDescent="0.15">
      <c r="C29" s="12" t="s">
        <v>7</v>
      </c>
      <c r="D29" s="13" t="s">
        <v>8</v>
      </c>
      <c r="E29" s="2"/>
    </row>
    <row r="30" spans="3:5" x14ac:dyDescent="0.15">
      <c r="D30" s="14"/>
      <c r="E30" s="15"/>
    </row>
    <row r="31" spans="3:5" x14ac:dyDescent="0.15">
      <c r="D31" s="14"/>
      <c r="E31" s="15"/>
    </row>
    <row r="32" spans="3:5" x14ac:dyDescent="0.15">
      <c r="D32" s="14"/>
      <c r="E32" s="15"/>
    </row>
    <row r="33" spans="3:5" x14ac:dyDescent="0.15">
      <c r="C33" s="3" t="s">
        <v>9</v>
      </c>
      <c r="D33" s="14"/>
      <c r="E33" s="15"/>
    </row>
    <row r="34" spans="3:5" x14ac:dyDescent="0.15">
      <c r="C34" s="3" t="s">
        <v>10</v>
      </c>
      <c r="D34" s="14"/>
      <c r="E34" s="15"/>
    </row>
    <row r="35" spans="3:5" x14ac:dyDescent="0.15">
      <c r="D35" s="14"/>
      <c r="E35" s="15"/>
    </row>
    <row r="36" spans="3:5" x14ac:dyDescent="0.15">
      <c r="D36" s="14"/>
      <c r="E36" s="15"/>
    </row>
    <row r="37" spans="3:5" x14ac:dyDescent="0.15">
      <c r="D37" s="14"/>
      <c r="E37" s="15"/>
    </row>
    <row r="38" spans="3:5" x14ac:dyDescent="0.15">
      <c r="D38" s="14"/>
      <c r="E38" s="15"/>
    </row>
    <row r="39" spans="3:5" x14ac:dyDescent="0.15">
      <c r="D39" s="14"/>
      <c r="E39" s="15"/>
    </row>
    <row r="40" spans="3:5" x14ac:dyDescent="0.15">
      <c r="D40" s="14"/>
      <c r="E40" s="15"/>
    </row>
    <row r="41" spans="3:5" x14ac:dyDescent="0.15">
      <c r="D41" s="14"/>
      <c r="E41" s="15"/>
    </row>
    <row r="42" spans="3:5" x14ac:dyDescent="0.15">
      <c r="D42" s="14"/>
      <c r="E42" s="15"/>
    </row>
    <row r="43" spans="3:5" x14ac:dyDescent="0.15">
      <c r="D43" s="14"/>
      <c r="E43" s="15"/>
    </row>
    <row r="44" spans="3:5" x14ac:dyDescent="0.15">
      <c r="D44" s="14"/>
      <c r="E44" s="15"/>
    </row>
    <row r="45" spans="3:5" x14ac:dyDescent="0.15">
      <c r="D45" s="14"/>
      <c r="E45" s="15"/>
    </row>
    <row r="46" spans="3:5" x14ac:dyDescent="0.15">
      <c r="D46" s="14"/>
      <c r="E46" s="15"/>
    </row>
    <row r="47" spans="3:5" x14ac:dyDescent="0.15">
      <c r="D47" s="14"/>
      <c r="E47" s="15"/>
    </row>
    <row r="48" spans="3:5" x14ac:dyDescent="0.15">
      <c r="D48" s="14"/>
      <c r="E48" s="15"/>
    </row>
    <row r="49" spans="4:5" x14ac:dyDescent="0.15">
      <c r="D49" s="14"/>
      <c r="E49" s="15"/>
    </row>
    <row r="50" spans="4:5" x14ac:dyDescent="0.15">
      <c r="D50" s="14"/>
      <c r="E50" s="15"/>
    </row>
    <row r="51" spans="4:5" x14ac:dyDescent="0.15">
      <c r="D51" s="14"/>
      <c r="E51" s="15"/>
    </row>
    <row r="52" spans="4:5" x14ac:dyDescent="0.15">
      <c r="D52" s="16"/>
      <c r="E52" s="15"/>
    </row>
  </sheetData>
  <mergeCells count="1">
    <mergeCell ref="A7:D7"/>
  </mergeCells>
  <phoneticPr fontId="2"/>
  <pageMargins left="0.7" right="0.7" top="0.75" bottom="0.75" header="0.3" footer="0.3"/>
  <pageSetup paperSize="9" scale="94" fitToHeight="0" orientation="portrait" copies="2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特記仕様書</vt:lpstr>
      <vt:lpstr>特記仕様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16T05:42:25Z</cp:lastPrinted>
  <dcterms:created xsi:type="dcterms:W3CDTF">2025-05-29T06:15:25Z</dcterms:created>
  <dcterms:modified xsi:type="dcterms:W3CDTF">2025-06-24T06:30:25Z</dcterms:modified>
</cp:coreProperties>
</file>